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.修正\"/>
    </mc:Choice>
  </mc:AlternateContent>
  <bookViews>
    <workbookView xWindow="0" yWindow="0" windowWidth="20505" windowHeight="8505"/>
  </bookViews>
  <sheets>
    <sheet name="三崎センター" sheetId="1" r:id="rId1"/>
  </sheets>
  <definedNames>
    <definedName name="_xlnm.Print_Area" localSheetId="0">三崎センター!$A$1:$O$10</definedName>
  </definedNames>
  <calcPr calcId="162913"/>
</workbook>
</file>

<file path=xl/calcChain.xml><?xml version="1.0" encoding="utf-8"?>
<calcChain xmlns="http://schemas.openxmlformats.org/spreadsheetml/2006/main">
  <c r="M10" i="1" l="1"/>
  <c r="M7" i="1"/>
  <c r="M6" i="1"/>
</calcChain>
</file>

<file path=xl/sharedStrings.xml><?xml version="1.0" encoding="utf-8"?>
<sst xmlns="http://schemas.openxmlformats.org/spreadsheetml/2006/main" count="49" uniqueCount="48">
  <si>
    <t>鎌倉保健福祉事務所三崎センター</t>
    <rPh sb="0" eb="2">
      <t>カマクラ</t>
    </rPh>
    <rPh sb="2" eb="9">
      <t>ホフク</t>
    </rPh>
    <rPh sb="9" eb="11">
      <t>ミサキ</t>
    </rPh>
    <phoneticPr fontId="2"/>
  </si>
  <si>
    <t>所在地</t>
    <rPh sb="0" eb="3">
      <t>ショザイチ</t>
    </rPh>
    <phoneticPr fontId="2"/>
  </si>
  <si>
    <t>　〒238-0221</t>
    <phoneticPr fontId="2"/>
  </si>
  <si>
    <t>　三浦市三崎町六合32</t>
    <phoneticPr fontId="2"/>
  </si>
  <si>
    <t>電話番号</t>
    <rPh sb="0" eb="2">
      <t>デンワ</t>
    </rPh>
    <rPh sb="2" eb="4">
      <t>バンゴウ</t>
    </rPh>
    <phoneticPr fontId="2"/>
  </si>
  <si>
    <t>　046(882)68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三浦市立病院</t>
  </si>
  <si>
    <t>238-0222</t>
  </si>
  <si>
    <t>三浦市長</t>
    <rPh sb="3" eb="4">
      <t>チョウ</t>
    </rPh>
    <phoneticPr fontId="2"/>
  </si>
  <si>
    <t>小澤幸弘</t>
    <rPh sb="0" eb="2">
      <t>オザワ</t>
    </rPh>
    <rPh sb="2" eb="4">
      <t>ユキヒロ</t>
    </rPh>
    <phoneticPr fontId="2"/>
  </si>
  <si>
    <t>046-
882-2111</t>
  </si>
  <si>
    <t>昭27． 6</t>
  </si>
  <si>
    <t>医療法人財団青山会
福井記念病院</t>
    <phoneticPr fontId="2"/>
  </si>
  <si>
    <t>三浦市初声町高円坊
１０４０－２</t>
    <phoneticPr fontId="2"/>
  </si>
  <si>
    <t>238-0115</t>
  </si>
  <si>
    <t>医療法人財団青山会</t>
    <phoneticPr fontId="2"/>
  </si>
  <si>
    <t>高屋淳彦</t>
    <rPh sb="2" eb="3">
      <t>ジュン</t>
    </rPh>
    <phoneticPr fontId="2"/>
  </si>
  <si>
    <t>046-
888-2145</t>
  </si>
  <si>
    <t>昭38． 7</t>
  </si>
  <si>
    <t>三浦市三崎町諸磯
１５００</t>
    <phoneticPr fontId="2"/>
  </si>
  <si>
    <t>238-0224</t>
    <phoneticPr fontId="2"/>
  </si>
  <si>
    <t>渡邊弘美</t>
    <rPh sb="0" eb="2">
      <t>ワタナベ</t>
    </rPh>
    <rPh sb="2" eb="4">
      <t>ヒロミ</t>
    </rPh>
    <phoneticPr fontId="2"/>
  </si>
  <si>
    <t>046-
881-2150</t>
  </si>
  <si>
    <t>昭61．11</t>
  </si>
  <si>
    <t>内,小,神内,外,整,脳外,産婦,眼,耳咽,皮,泌,リハ,麻</t>
    <rPh sb="11" eb="12">
      <t>ノウ</t>
    </rPh>
    <rPh sb="12" eb="13">
      <t>ゲ</t>
    </rPh>
    <rPh sb="22" eb="23">
      <t>カワ</t>
    </rPh>
    <rPh sb="24" eb="25">
      <t>ヒツ</t>
    </rPh>
    <phoneticPr fontId="2"/>
  </si>
  <si>
    <t>内,精,整,リハ,皮</t>
    <rPh sb="4" eb="5">
      <t>ヒトシ</t>
    </rPh>
    <rPh sb="9" eb="10">
      <t>カワ</t>
    </rPh>
    <phoneticPr fontId="2"/>
  </si>
  <si>
    <t>療養病床を有する診療所</t>
    <phoneticPr fontId="2"/>
  </si>
  <si>
    <t>油壺エデンの園附属
診療所</t>
    <rPh sb="1" eb="2">
      <t>ツボ</t>
    </rPh>
    <phoneticPr fontId="2"/>
  </si>
  <si>
    <t>精,神,心内,歯,脳外</t>
    <rPh sb="2" eb="3">
      <t>シン</t>
    </rPh>
    <rPh sb="9" eb="10">
      <t>ノウ</t>
    </rPh>
    <rPh sb="10" eb="11">
      <t>ソト</t>
    </rPh>
    <phoneticPr fontId="2"/>
  </si>
  <si>
    <t>社会福祉法人
聖隷福祉事業団</t>
    <phoneticPr fontId="2"/>
  </si>
  <si>
    <t>三浦市岬陽町
４－３３</t>
    <phoneticPr fontId="2"/>
  </si>
  <si>
    <t>救急病院
(R5.1.19)</t>
    <rPh sb="0" eb="2">
      <t>キュウキュウ</t>
    </rPh>
    <rPh sb="2" eb="4">
      <t>ビョウ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45">
    <xf numFmtId="0" fontId="0" fillId="0" borderId="0" xfId="0">
      <alignment vertical="center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left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3" fillId="0" borderId="17" xfId="0" applyFont="1" applyFill="1" applyBorder="1" applyAlignment="1">
      <alignment horizontal="left" vertical="center" wrapText="1"/>
    </xf>
    <xf numFmtId="0" fontId="3" fillId="0" borderId="18" xfId="0" applyFont="1" applyFill="1" applyBorder="1" applyAlignment="1">
      <alignment horizontal="left" vertical="center" wrapText="1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2"/>
  <sheetViews>
    <sheetView tabSelected="1" view="pageBreakPreview" zoomScaleNormal="100" zoomScaleSheetLayoutView="100" workbookViewId="0">
      <selection sqref="A1:C3"/>
    </sheetView>
  </sheetViews>
  <sheetFormatPr defaultColWidth="9" defaultRowHeight="11.25" x14ac:dyDescent="0.15"/>
  <cols>
    <col min="1" max="2" width="17.625" style="1" customWidth="1"/>
    <col min="3" max="3" width="5.125" style="1" bestFit="1" customWidth="1"/>
    <col min="4" max="4" width="16.125" style="1" bestFit="1" customWidth="1"/>
    <col min="5" max="5" width="8.625" style="1" bestFit="1" customWidth="1"/>
    <col min="6" max="6" width="18.625" style="1" customWidth="1"/>
    <col min="7" max="7" width="7.375" style="1" customWidth="1"/>
    <col min="8" max="11" width="4.125" style="1" bestFit="1" customWidth="1"/>
    <col min="12" max="12" width="4.125" style="1" customWidth="1"/>
    <col min="13" max="13" width="4.375" style="1" bestFit="1" customWidth="1"/>
    <col min="14" max="14" width="7.625" style="1" customWidth="1"/>
    <col min="15" max="15" width="13.875" style="1" customWidth="1"/>
    <col min="16" max="16384" width="9" style="1"/>
  </cols>
  <sheetData>
    <row r="1" spans="1:15" ht="11.25" customHeight="1" x14ac:dyDescent="0.15">
      <c r="A1" s="24" t="s">
        <v>0</v>
      </c>
      <c r="B1" s="25"/>
      <c r="C1" s="25"/>
      <c r="D1" s="30" t="s">
        <v>1</v>
      </c>
      <c r="E1" s="32" t="s">
        <v>2</v>
      </c>
      <c r="F1" s="33"/>
    </row>
    <row r="2" spans="1:15" ht="11.25" customHeight="1" x14ac:dyDescent="0.15">
      <c r="A2" s="26"/>
      <c r="B2" s="27"/>
      <c r="C2" s="27"/>
      <c r="D2" s="31"/>
      <c r="E2" s="34" t="s">
        <v>3</v>
      </c>
      <c r="F2" s="35"/>
    </row>
    <row r="3" spans="1:15" ht="15.75" customHeight="1" thickBot="1" x14ac:dyDescent="0.2">
      <c r="A3" s="28"/>
      <c r="B3" s="29"/>
      <c r="C3" s="29"/>
      <c r="D3" s="2" t="s">
        <v>4</v>
      </c>
      <c r="E3" s="36" t="s">
        <v>5</v>
      </c>
      <c r="F3" s="37"/>
    </row>
    <row r="4" spans="1:15" s="4" customFormat="1" x14ac:dyDescent="0.15">
      <c r="A4" s="43" t="s">
        <v>6</v>
      </c>
      <c r="B4" s="30" t="s">
        <v>7</v>
      </c>
      <c r="C4" s="30" t="s">
        <v>8</v>
      </c>
      <c r="D4" s="30" t="s">
        <v>9</v>
      </c>
      <c r="E4" s="30" t="s">
        <v>10</v>
      </c>
      <c r="F4" s="30" t="s">
        <v>11</v>
      </c>
      <c r="G4" s="30" t="s">
        <v>4</v>
      </c>
      <c r="H4" s="30" t="s">
        <v>12</v>
      </c>
      <c r="I4" s="30"/>
      <c r="J4" s="30"/>
      <c r="K4" s="30"/>
      <c r="L4" s="30"/>
      <c r="M4" s="40"/>
      <c r="N4" s="41" t="s">
        <v>13</v>
      </c>
      <c r="O4" s="3" t="s">
        <v>14</v>
      </c>
    </row>
    <row r="5" spans="1:15" s="4" customFormat="1" x14ac:dyDescent="0.15">
      <c r="A5" s="44"/>
      <c r="B5" s="31"/>
      <c r="C5" s="31"/>
      <c r="D5" s="31"/>
      <c r="E5" s="31"/>
      <c r="F5" s="31"/>
      <c r="G5" s="31"/>
      <c r="H5" s="20" t="s">
        <v>15</v>
      </c>
      <c r="I5" s="20" t="s">
        <v>16</v>
      </c>
      <c r="J5" s="20" t="s">
        <v>17</v>
      </c>
      <c r="K5" s="20" t="s">
        <v>18</v>
      </c>
      <c r="L5" s="5" t="s">
        <v>19</v>
      </c>
      <c r="M5" s="6" t="s">
        <v>20</v>
      </c>
      <c r="N5" s="42"/>
      <c r="O5" s="7" t="s">
        <v>21</v>
      </c>
    </row>
    <row r="6" spans="1:15" s="14" customFormat="1" ht="42.95" customHeight="1" x14ac:dyDescent="0.15">
      <c r="A6" s="8" t="s">
        <v>22</v>
      </c>
      <c r="B6" s="9" t="s">
        <v>46</v>
      </c>
      <c r="C6" s="10" t="s">
        <v>23</v>
      </c>
      <c r="D6" s="9" t="s">
        <v>24</v>
      </c>
      <c r="E6" s="9" t="s">
        <v>25</v>
      </c>
      <c r="F6" s="9" t="s">
        <v>40</v>
      </c>
      <c r="G6" s="9" t="s">
        <v>26</v>
      </c>
      <c r="H6" s="11">
        <v>136</v>
      </c>
      <c r="I6" s="11">
        <v>0</v>
      </c>
      <c r="J6" s="11">
        <v>0</v>
      </c>
      <c r="K6" s="11">
        <v>0</v>
      </c>
      <c r="L6" s="11">
        <v>0</v>
      </c>
      <c r="M6" s="12">
        <f>SUM(H6:L6)</f>
        <v>136</v>
      </c>
      <c r="N6" s="22" t="s">
        <v>27</v>
      </c>
      <c r="O6" s="13" t="s">
        <v>47</v>
      </c>
    </row>
    <row r="7" spans="1:15" ht="42.95" customHeight="1" x14ac:dyDescent="0.15">
      <c r="A7" s="8" t="s">
        <v>28</v>
      </c>
      <c r="B7" s="9" t="s">
        <v>29</v>
      </c>
      <c r="C7" s="10" t="s">
        <v>30</v>
      </c>
      <c r="D7" s="9" t="s">
        <v>31</v>
      </c>
      <c r="E7" s="9" t="s">
        <v>32</v>
      </c>
      <c r="F7" s="9" t="s">
        <v>44</v>
      </c>
      <c r="G7" s="9" t="s">
        <v>33</v>
      </c>
      <c r="H7" s="11">
        <v>0</v>
      </c>
      <c r="I7" s="11">
        <v>0</v>
      </c>
      <c r="J7" s="11">
        <v>357</v>
      </c>
      <c r="K7" s="11">
        <v>0</v>
      </c>
      <c r="L7" s="11">
        <v>0</v>
      </c>
      <c r="M7" s="12">
        <f>SUM(H7:L7)</f>
        <v>357</v>
      </c>
      <c r="N7" s="22" t="s">
        <v>34</v>
      </c>
      <c r="O7" s="13"/>
    </row>
    <row r="8" spans="1:15" ht="26.1" customHeight="1" x14ac:dyDescent="0.15">
      <c r="A8" s="8"/>
      <c r="B8" s="9"/>
      <c r="C8" s="10"/>
      <c r="D8" s="9"/>
      <c r="E8" s="9"/>
      <c r="F8" s="9"/>
      <c r="G8" s="9"/>
      <c r="H8" s="11"/>
      <c r="I8" s="11"/>
      <c r="J8" s="11"/>
      <c r="K8" s="11"/>
      <c r="L8" s="11"/>
      <c r="M8" s="12"/>
      <c r="N8" s="22"/>
      <c r="O8" s="13"/>
    </row>
    <row r="9" spans="1:15" ht="26.1" customHeight="1" x14ac:dyDescent="0.15">
      <c r="A9" s="38" t="s">
        <v>42</v>
      </c>
      <c r="B9" s="39"/>
      <c r="C9" s="10"/>
      <c r="D9" s="9"/>
      <c r="E9" s="9"/>
      <c r="F9" s="9"/>
      <c r="G9" s="9"/>
      <c r="H9" s="11"/>
      <c r="I9" s="11"/>
      <c r="J9" s="11"/>
      <c r="K9" s="11"/>
      <c r="L9" s="11"/>
      <c r="M9" s="12"/>
      <c r="N9" s="22"/>
      <c r="O9" s="13"/>
    </row>
    <row r="10" spans="1:15" ht="39.6" customHeight="1" thickBot="1" x14ac:dyDescent="0.2">
      <c r="A10" s="21" t="s">
        <v>43</v>
      </c>
      <c r="B10" s="15" t="s">
        <v>35</v>
      </c>
      <c r="C10" s="16" t="s">
        <v>36</v>
      </c>
      <c r="D10" s="15" t="s">
        <v>45</v>
      </c>
      <c r="E10" s="15" t="s">
        <v>37</v>
      </c>
      <c r="F10" s="15" t="s">
        <v>41</v>
      </c>
      <c r="G10" s="15" t="s">
        <v>38</v>
      </c>
      <c r="H10" s="17">
        <v>0</v>
      </c>
      <c r="I10" s="17">
        <v>15</v>
      </c>
      <c r="J10" s="17">
        <v>0</v>
      </c>
      <c r="K10" s="17">
        <v>0</v>
      </c>
      <c r="L10" s="17">
        <v>0</v>
      </c>
      <c r="M10" s="18">
        <f>SUM(H10:L10)</f>
        <v>15</v>
      </c>
      <c r="N10" s="23" t="s">
        <v>39</v>
      </c>
      <c r="O10" s="19"/>
    </row>
    <row r="11" spans="1:15" ht="26.1" customHeight="1" x14ac:dyDescent="0.15"/>
    <row r="12" spans="1:15" ht="26.1" customHeight="1" x14ac:dyDescent="0.15"/>
    <row r="13" spans="1:15" ht="26.1" customHeight="1" x14ac:dyDescent="0.15"/>
    <row r="14" spans="1:15" ht="26.1" customHeight="1" x14ac:dyDescent="0.15"/>
    <row r="15" spans="1:15" ht="26.1" customHeight="1" x14ac:dyDescent="0.15"/>
    <row r="16" spans="1:15" ht="26.1" customHeight="1" x14ac:dyDescent="0.15"/>
    <row r="17" ht="26.1" customHeight="1" x14ac:dyDescent="0.15"/>
    <row r="18" ht="26.1" customHeight="1" x14ac:dyDescent="0.15"/>
    <row r="19" ht="26.1" customHeight="1" x14ac:dyDescent="0.15"/>
    <row r="20" ht="26.1" customHeight="1" x14ac:dyDescent="0.15"/>
    <row r="21" ht="26.1" customHeight="1" x14ac:dyDescent="0.15"/>
    <row r="22" ht="26.1" customHeight="1" x14ac:dyDescent="0.15"/>
  </sheetData>
  <mergeCells count="15">
    <mergeCell ref="A9:B9"/>
    <mergeCell ref="F4:F5"/>
    <mergeCell ref="G4:G5"/>
    <mergeCell ref="H4:M4"/>
    <mergeCell ref="N4:N5"/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</mergeCells>
  <phoneticPr fontId="2"/>
  <pageMargins left="0.98425196850393704" right="0.39370078740157483" top="0.98425196850393704" bottom="0.98425196850393704" header="0.51181102362204722" footer="0.51181102362204722"/>
  <pageSetup paperSize="9" scale="96" firstPageNumber="50" fitToHeight="0" orientation="landscape" useFirstPageNumber="1" r:id="rId1"/>
  <headerFooter alignWithMargins="0">
    <oddFooter>&amp;C- &amp;P -</oddFooter>
  </headerFooter>
  <rowBreaks count="1" manualBreakCount="1">
    <brk id="2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三崎センター</vt:lpstr>
      <vt:lpstr>三崎センター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0-06-09T06:29:33Z</cp:lastPrinted>
  <dcterms:created xsi:type="dcterms:W3CDTF">2015-05-08T02:07:21Z</dcterms:created>
  <dcterms:modified xsi:type="dcterms:W3CDTF">2023-06-30T01:51:19Z</dcterms:modified>
</cp:coreProperties>
</file>